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981653\Desktop\"/>
    </mc:Choice>
  </mc:AlternateContent>
  <bookViews>
    <workbookView xWindow="0" yWindow="0" windowWidth="28800" windowHeight="1245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" uniqueCount="8">
  <si>
    <t>質　　問</t>
    <rPh sb="0" eb="1">
      <t>シツ</t>
    </rPh>
    <rPh sb="3" eb="4">
      <t>トイ</t>
    </rPh>
    <phoneticPr fontId="1"/>
  </si>
  <si>
    <t>回　　答</t>
    <rPh sb="0" eb="1">
      <t>カイ</t>
    </rPh>
    <rPh sb="3" eb="4">
      <t>コタエ</t>
    </rPh>
    <phoneticPr fontId="1"/>
  </si>
  <si>
    <t>　　※質問文は趣旨を損なわない範囲で要約しております。</t>
    <rPh sb="3" eb="6">
      <t>シツモンブン</t>
    </rPh>
    <rPh sb="7" eb="9">
      <t>シュシ</t>
    </rPh>
    <rPh sb="10" eb="11">
      <t>ソコ</t>
    </rPh>
    <rPh sb="15" eb="17">
      <t>ハンイ</t>
    </rPh>
    <rPh sb="18" eb="20">
      <t>ヨウヤク</t>
    </rPh>
    <phoneticPr fontId="1"/>
  </si>
  <si>
    <t>仕様書等の内容に関する質問及び回答</t>
    <rPh sb="0" eb="3">
      <t>シヨウショ</t>
    </rPh>
    <rPh sb="3" eb="4">
      <t>トウ</t>
    </rPh>
    <rPh sb="5" eb="7">
      <t>ナイヨウ</t>
    </rPh>
    <rPh sb="8" eb="9">
      <t>カン</t>
    </rPh>
    <rPh sb="11" eb="13">
      <t>シツモン</t>
    </rPh>
    <rPh sb="13" eb="14">
      <t>オヨ</t>
    </rPh>
    <rPh sb="15" eb="17">
      <t>カイトウ</t>
    </rPh>
    <phoneticPr fontId="1"/>
  </si>
  <si>
    <t>　物品名　　生活道路設置型街路灯器具（40型）の購入　</t>
    <rPh sb="1" eb="3">
      <t>ブッピン</t>
    </rPh>
    <rPh sb="3" eb="4">
      <t>メイ</t>
    </rPh>
    <rPh sb="6" eb="8">
      <t>セイカツ</t>
    </rPh>
    <rPh sb="8" eb="18">
      <t>ドウロセッチガタガイロトウキグ</t>
    </rPh>
    <rPh sb="21" eb="22">
      <t>カタ</t>
    </rPh>
    <rPh sb="24" eb="26">
      <t>コウニュウ</t>
    </rPh>
    <phoneticPr fontId="1"/>
  </si>
  <si>
    <t>１
（１）
　①取付バンドは含みません。
　②壁取付用金具は不可です。
　③各メーカーにて灯具の型番に応じた取付金具を製造しておりますので、詳細はメーカーにお問い合わせください。
　　</t>
    <rPh sb="8" eb="10">
      <t>トリツケ</t>
    </rPh>
    <rPh sb="14" eb="15">
      <t>フク</t>
    </rPh>
    <rPh sb="25" eb="26">
      <t>カベ</t>
    </rPh>
    <rPh sb="26" eb="29">
      <t>トリツケヨウ</t>
    </rPh>
    <rPh sb="29" eb="31">
      <t>カナグ</t>
    </rPh>
    <rPh sb="32" eb="34">
      <t>フカ</t>
    </rPh>
    <rPh sb="42" eb="43">
      <t>カク</t>
    </rPh>
    <rPh sb="49" eb="51">
      <t>トウグ</t>
    </rPh>
    <rPh sb="52" eb="54">
      <t>カタバン</t>
    </rPh>
    <rPh sb="55" eb="56">
      <t>オウ</t>
    </rPh>
    <rPh sb="58" eb="60">
      <t>トリツケ</t>
    </rPh>
    <rPh sb="60" eb="62">
      <t>カナグ</t>
    </rPh>
    <rPh sb="63" eb="65">
      <t>セイゾウ</t>
    </rPh>
    <rPh sb="74" eb="76">
      <t>ショウサイ</t>
    </rPh>
    <rPh sb="83" eb="84">
      <t>ト</t>
    </rPh>
    <rPh sb="85" eb="86">
      <t>ア</t>
    </rPh>
    <phoneticPr fontId="1"/>
  </si>
  <si>
    <t>１　仕様書について
（１）「角度調整取付金具含む」の記載について
　①　取付バンドを含みますか。
　　　 取付バンドを含む場合、電柱（鋼管）のサイズは何Φですか。
　②　東芝ライテック株式会社の場合、角度調整取付金具は壁取付用になりますが、よろしいですか。
　③　メーカーにより様々な取付金具がありますので、具体的にどの製品・型番を含めるのか、指示していただけないでしょうか。</t>
    <rPh sb="2" eb="5">
      <t>シヨウショ</t>
    </rPh>
    <rPh sb="14" eb="16">
      <t>カクド</t>
    </rPh>
    <rPh sb="16" eb="18">
      <t>チョウセイ</t>
    </rPh>
    <rPh sb="18" eb="20">
      <t>トリツケ</t>
    </rPh>
    <rPh sb="20" eb="22">
      <t>カナグ</t>
    </rPh>
    <rPh sb="22" eb="23">
      <t>フク</t>
    </rPh>
    <rPh sb="26" eb="28">
      <t>キサイ</t>
    </rPh>
    <rPh sb="36" eb="38">
      <t>トリツケ</t>
    </rPh>
    <rPh sb="42" eb="43">
      <t>フク</t>
    </rPh>
    <rPh sb="53" eb="55">
      <t>トリツケ</t>
    </rPh>
    <rPh sb="59" eb="60">
      <t>フク</t>
    </rPh>
    <rPh sb="61" eb="63">
      <t>バアイ</t>
    </rPh>
    <rPh sb="64" eb="66">
      <t>デンチュウ</t>
    </rPh>
    <rPh sb="67" eb="69">
      <t>コウカン</t>
    </rPh>
    <rPh sb="75" eb="76">
      <t>ナニ</t>
    </rPh>
    <rPh sb="85" eb="87">
      <t>トウシバ</t>
    </rPh>
    <rPh sb="92" eb="94">
      <t>カブシキ</t>
    </rPh>
    <rPh sb="94" eb="96">
      <t>カイシャ</t>
    </rPh>
    <rPh sb="97" eb="99">
      <t>バアイ</t>
    </rPh>
    <rPh sb="102" eb="104">
      <t>チョウセイ</t>
    </rPh>
    <rPh sb="104" eb="106">
      <t>トリツケ</t>
    </rPh>
    <rPh sb="106" eb="108">
      <t>カナグ</t>
    </rPh>
    <rPh sb="109" eb="110">
      <t>カベ</t>
    </rPh>
    <rPh sb="110" eb="113">
      <t>トリツケヨウ</t>
    </rPh>
    <rPh sb="139" eb="141">
      <t>サマザマ</t>
    </rPh>
    <rPh sb="142" eb="144">
      <t>トリツケ</t>
    </rPh>
    <rPh sb="144" eb="146">
      <t>カナグ</t>
    </rPh>
    <rPh sb="154" eb="157">
      <t>グタイテキ</t>
    </rPh>
    <rPh sb="160" eb="162">
      <t>セイヒン</t>
    </rPh>
    <rPh sb="163" eb="165">
      <t>カタバン</t>
    </rPh>
    <rPh sb="166" eb="167">
      <t>フク</t>
    </rPh>
    <rPh sb="172" eb="174">
      <t>シジ</t>
    </rPh>
    <phoneticPr fontId="1"/>
  </si>
  <si>
    <t>令和元年10月28日</t>
    <rPh sb="0" eb="2">
      <t>レイワ</t>
    </rPh>
    <rPh sb="2" eb="4">
      <t>ガンネン</t>
    </rPh>
    <rPh sb="6" eb="7">
      <t>ガツ</t>
    </rPh>
    <rPh sb="9" eb="10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u/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0">
    <xf numFmtId="0" fontId="0" fillId="0" borderId="0" xfId="0">
      <alignment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3" xfId="0" applyBorder="1">
      <alignment vertical="center"/>
    </xf>
    <xf numFmtId="0" fontId="0" fillId="0" borderId="2" xfId="0" applyBorder="1" applyAlignment="1">
      <alignment vertical="top" wrapText="1"/>
    </xf>
    <xf numFmtId="0" fontId="0" fillId="0" borderId="0" xfId="0" applyFill="1" applyBorder="1">
      <alignment vertical="center"/>
    </xf>
    <xf numFmtId="0" fontId="3" fillId="0" borderId="0" xfId="0" applyFont="1">
      <alignment vertical="center"/>
    </xf>
    <xf numFmtId="49" fontId="0" fillId="0" borderId="2" xfId="0" applyNumberFormat="1" applyBorder="1" applyAlignment="1">
      <alignment horizontal="left" vertical="top" wrapText="1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C10"/>
  <sheetViews>
    <sheetView tabSelected="1" zoomScaleNormal="100" workbookViewId="0">
      <selection activeCell="B5" sqref="B5"/>
    </sheetView>
  </sheetViews>
  <sheetFormatPr defaultRowHeight="13.5" x14ac:dyDescent="0.15"/>
  <cols>
    <col min="1" max="1" width="1" customWidth="1"/>
    <col min="2" max="3" width="41.625" customWidth="1"/>
  </cols>
  <sheetData>
    <row r="2" spans="2:3" ht="17.25" x14ac:dyDescent="0.15">
      <c r="B2" s="8" t="s">
        <v>3</v>
      </c>
      <c r="C2" s="9"/>
    </row>
    <row r="4" spans="2:3" x14ac:dyDescent="0.15">
      <c r="C4" s="1" t="s">
        <v>7</v>
      </c>
    </row>
    <row r="5" spans="2:3" x14ac:dyDescent="0.15">
      <c r="B5" s="6" t="s">
        <v>4</v>
      </c>
    </row>
    <row r="7" spans="2:3" x14ac:dyDescent="0.15">
      <c r="B7" s="2" t="s">
        <v>0</v>
      </c>
      <c r="C7" s="2" t="s">
        <v>1</v>
      </c>
    </row>
    <row r="8" spans="2:3" ht="189.75" customHeight="1" x14ac:dyDescent="0.15">
      <c r="B8" s="4" t="s">
        <v>6</v>
      </c>
      <c r="C8" s="7" t="s">
        <v>5</v>
      </c>
    </row>
    <row r="9" spans="2:3" x14ac:dyDescent="0.15">
      <c r="B9" s="3"/>
      <c r="C9" s="3"/>
    </row>
    <row r="10" spans="2:3" x14ac:dyDescent="0.15">
      <c r="B10" s="5" t="s">
        <v>2</v>
      </c>
    </row>
  </sheetData>
  <mergeCells count="1">
    <mergeCell ref="B2:C2"/>
  </mergeCells>
  <phoneticPr fontId="1"/>
  <pageMargins left="0.9055118110236221" right="0.51181102362204722" top="0.9448818897637796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1.柿崎　良二</dc:creator>
  <cp:lastModifiedBy>113.福井　由人</cp:lastModifiedBy>
  <cp:lastPrinted>2019-10-28T01:04:35Z</cp:lastPrinted>
  <dcterms:created xsi:type="dcterms:W3CDTF">2019-07-24T01:20:03Z</dcterms:created>
  <dcterms:modified xsi:type="dcterms:W3CDTF">2019-10-28T04:16:36Z</dcterms:modified>
</cp:coreProperties>
</file>